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9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1-3-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1-3-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engelo/"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D26EBB25-8140-F263-A971-8F71DF32141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61560" y="5204193"/>
            <a:ext cx="1627661" cy="146489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9DD8C8B1-A8B1-F35C-F12F-49D8A6B58DBB}"/>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0360" y="3883393"/>
            <a:ext cx="1627661" cy="1464895"/>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3</cp:revision>
  <dcterms:created xsi:type="dcterms:W3CDTF">2019-07-30T10:24:44Z</dcterms:created>
  <dcterms:modified xsi:type="dcterms:W3CDTF">2024-03-11T14:30:23Z</dcterms:modified>
</cp:coreProperties>
</file>